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12708\Desktop\主査（調整）より\"/>
    </mc:Choice>
  </mc:AlternateContent>
  <bookViews>
    <workbookView xWindow="600" yWindow="120" windowWidth="20475" windowHeight="8730"/>
  </bookViews>
  <sheets>
    <sheet name="入札用" sheetId="4" r:id="rId1"/>
  </sheets>
  <definedNames>
    <definedName name="_xlnm.Print_Area" localSheetId="0">入札用!$A$2:$H$93</definedName>
    <definedName name="_xlnm.Print_Titles" localSheetId="0">入札用!$2:$3</definedName>
  </definedNames>
  <calcPr calcId="152511"/>
</workbook>
</file>

<file path=xl/calcChain.xml><?xml version="1.0" encoding="utf-8"?>
<calcChain xmlns="http://schemas.openxmlformats.org/spreadsheetml/2006/main">
  <c r="H93" i="4" l="1"/>
  <c r="H6" i="4"/>
  <c r="H7" i="4"/>
  <c r="H8" i="4"/>
  <c r="H9" i="4"/>
  <c r="H10" i="4"/>
  <c r="H11" i="4"/>
  <c r="H12" i="4"/>
  <c r="H13" i="4"/>
  <c r="H14" i="4"/>
  <c r="H15" i="4"/>
  <c r="H16" i="4"/>
  <c r="H17" i="4"/>
  <c r="H18" i="4"/>
  <c r="H19" i="4"/>
  <c r="H20" i="4"/>
  <c r="H21" i="4"/>
  <c r="H22" i="4"/>
  <c r="H23" i="4"/>
  <c r="H24" i="4"/>
  <c r="H25" i="4"/>
  <c r="H26" i="4"/>
  <c r="H27" i="4"/>
  <c r="H28" i="4"/>
  <c r="H29" i="4"/>
  <c r="H30" i="4"/>
  <c r="H31" i="4"/>
  <c r="H32" i="4"/>
  <c r="H33" i="4"/>
  <c r="H34" i="4"/>
  <c r="H35" i="4"/>
  <c r="H36" i="4"/>
  <c r="H37" i="4"/>
  <c r="H38" i="4"/>
  <c r="H39" i="4"/>
  <c r="H40" i="4"/>
  <c r="H41" i="4"/>
  <c r="H42" i="4"/>
  <c r="H43" i="4"/>
  <c r="H44" i="4"/>
  <c r="H45" i="4"/>
  <c r="H46" i="4"/>
  <c r="H47" i="4"/>
  <c r="H48" i="4"/>
  <c r="H49" i="4"/>
  <c r="H50" i="4"/>
  <c r="H51" i="4"/>
  <c r="H52" i="4"/>
  <c r="H53" i="4"/>
  <c r="H54" i="4"/>
  <c r="H55" i="4"/>
  <c r="H56" i="4"/>
  <c r="H57" i="4"/>
  <c r="H58" i="4"/>
  <c r="H59" i="4"/>
  <c r="H60" i="4"/>
  <c r="H61" i="4"/>
  <c r="H62" i="4"/>
  <c r="H63" i="4"/>
  <c r="H64" i="4"/>
  <c r="H65" i="4"/>
  <c r="H66" i="4"/>
  <c r="H67" i="4"/>
  <c r="H68" i="4"/>
  <c r="H69" i="4"/>
  <c r="H70" i="4"/>
  <c r="H71" i="4"/>
  <c r="H72" i="4"/>
  <c r="H73" i="4"/>
  <c r="H74" i="4"/>
  <c r="H75" i="4"/>
  <c r="H76" i="4"/>
  <c r="H77" i="4"/>
  <c r="H78" i="4"/>
  <c r="H79" i="4"/>
  <c r="H80" i="4"/>
  <c r="H81" i="4"/>
  <c r="H82" i="4"/>
  <c r="H83" i="4"/>
  <c r="H84" i="4"/>
  <c r="H85" i="4"/>
  <c r="H86" i="4"/>
  <c r="H87" i="4"/>
  <c r="H88" i="4"/>
  <c r="H89" i="4"/>
  <c r="H90" i="4"/>
  <c r="H91" i="4"/>
  <c r="H92" i="4"/>
  <c r="H5" i="4"/>
  <c r="H4" i="4"/>
</calcChain>
</file>

<file path=xl/sharedStrings.xml><?xml version="1.0" encoding="utf-8"?>
<sst xmlns="http://schemas.openxmlformats.org/spreadsheetml/2006/main" count="277" uniqueCount="142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F １８０・１９０Ｗ</t>
  </si>
  <si>
    <t>FLR－４０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蛍光ランプﾟ取替</t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８０・１９０Ｗ　安定器　高力率２００Ｖ</t>
  </si>
  <si>
    <t>LEDランプ</t>
  </si>
  <si>
    <t>引込線移設</t>
  </si>
  <si>
    <t>街路灯撤去</t>
  </si>
  <si>
    <t>道路照明灯建柱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高圧ﾅﾄﾘｳﾑﾗﾝﾌﾟ取替</t>
  </si>
  <si>
    <t>NH　１１０W　（長寿命型）</t>
  </si>
  <si>
    <t>NH　１８０W　（長寿命型）</t>
  </si>
  <si>
    <t>NH　２２０W　（長寿命型）</t>
  </si>
  <si>
    <t>札幌市開発型 NH　７５W　高所使用</t>
  </si>
  <si>
    <t>札幌市開発型 NH　７５W　高所不使用</t>
  </si>
  <si>
    <t>安定器取替（高圧ﾅﾄﾘｳﾑ）</t>
  </si>
  <si>
    <t>ＮＨ　７０W　高力率１００Ｖ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８０・１９０Ｗ　高力率２００Ｖ</t>
  </si>
  <si>
    <t>高圧ﾅﾄﾘｳﾑﾗﾝﾌﾟ取替　安定器取替</t>
  </si>
  <si>
    <t>ＮＨ　７０Wランプ　安定器　高力率１００Ｖ</t>
  </si>
  <si>
    <t>ｾﾗﾐｯｸﾒﾀﾙﾊﾗｲﾄﾞﾗﾝﾌﾟ取替　安定器取替</t>
  </si>
  <si>
    <t>LDL40　L型ピン口金</t>
  </si>
  <si>
    <t>LED照明器具更新</t>
  </si>
  <si>
    <t>NX35W相当LEDトンネル照明器具更新（NX35撤去）</t>
  </si>
  <si>
    <t>NX55W相当LEDトンネル照明器具更新（NX55撤去）</t>
  </si>
  <si>
    <t>NX90W相当LEDトンネル照明器具更新（NX90撤去）</t>
  </si>
  <si>
    <t>自動点滅器取替</t>
  </si>
  <si>
    <t>ポール内ボックス取替</t>
  </si>
  <si>
    <t>小型1灯用　ＭＣＢ2Ｐ　送り端子台付　ＳＢ-502Ｌ相当</t>
  </si>
  <si>
    <t>安全ブレーカ取替</t>
  </si>
  <si>
    <t>街路灯撤去・取付</t>
  </si>
  <si>
    <t>共架式アーム型（再利用あり）</t>
  </si>
  <si>
    <t>共架式アーム型（再利用なし）</t>
  </si>
  <si>
    <t>街路灯取付</t>
  </si>
  <si>
    <t>共架式アーム型照明器具のみ（再利用あり）</t>
  </si>
  <si>
    <t>共架式アーム型照明器具のみ（再利用なし）</t>
  </si>
  <si>
    <t>共架式アーム型照明器具のみ</t>
  </si>
  <si>
    <t>共架式アームレス型（再利用あり　高所不使用）</t>
  </si>
  <si>
    <t>共架式アームレス型（再利用あり　高所使用）</t>
  </si>
  <si>
    <t>共架式アームレス型（再利用なし　高所不使用）</t>
  </si>
  <si>
    <t>共架式アームレス型（再利用なし　高所使用）</t>
  </si>
  <si>
    <t>不点調査補修</t>
  </si>
  <si>
    <t>高所作業車使用</t>
  </si>
  <si>
    <t>高所作業車不使用</t>
  </si>
  <si>
    <t>照明柱点検</t>
  </si>
  <si>
    <t>管理番号札取付</t>
  </si>
  <si>
    <t>道路照明灯撤去</t>
  </si>
  <si>
    <t>350ｋｇ以下（再利用なし）</t>
  </si>
  <si>
    <t>コンクリート柱建柱</t>
  </si>
  <si>
    <t>コンクリート柱撤去</t>
  </si>
  <si>
    <t>道路照明灯照明器具取付</t>
  </si>
  <si>
    <t>道路照明灯照明器具撤去</t>
  </si>
  <si>
    <t>再利用なし</t>
  </si>
  <si>
    <t>道路照明灯照明器具撤去・設置</t>
  </si>
  <si>
    <t>基礎ブロック撤去</t>
  </si>
  <si>
    <t>500□×1700・1900・2100・ヒューム管内径450φ</t>
  </si>
  <si>
    <t>土工（基礎ブロック撤去）</t>
  </si>
  <si>
    <t>建設副産物処理</t>
  </si>
  <si>
    <t>産廃灯具（安定器除く）1ｔ当り</t>
  </si>
  <si>
    <t>安定器1ｔ当り</t>
  </si>
  <si>
    <t>蛍光管類1ｔ当り</t>
  </si>
  <si>
    <t>木くず1ｔ当り</t>
  </si>
  <si>
    <t>現場発生品運搬</t>
  </si>
  <si>
    <t>9.0ｋｍ以下、2ｔトラック使用、2.0ｔ以下、1回当り</t>
  </si>
  <si>
    <t>アスファルト殻運搬</t>
  </si>
  <si>
    <t>10.5ｋｍ以下、舗装版破砕人力積込、1㎥当り</t>
  </si>
  <si>
    <t>コンクリート殻運搬</t>
  </si>
  <si>
    <t>交通誘導警備員</t>
  </si>
  <si>
    <t>認定路線　路肩規制・車線規制</t>
  </si>
  <si>
    <t>認定路線外　路肩規制・車線規制</t>
  </si>
  <si>
    <t>緊急対応費</t>
  </si>
  <si>
    <t>高所　器具撤去等　昼間　回/半日</t>
  </si>
  <si>
    <t>高所　器具撤去等　夜間　回/半日</t>
  </si>
  <si>
    <t>ｾﾗﾐｯｸﾒﾀﾙﾊﾗｲﾄﾞﾗﾝﾌﾟ取替</t>
  </si>
  <si>
    <t>共架式アーム型（再利用あり）　灯具・アーム支給</t>
  </si>
  <si>
    <t>共架式アーム型（再利用なし）　灯具・アーム支給</t>
  </si>
  <si>
    <t>共架式アーム型　灯具・アーム支給</t>
  </si>
  <si>
    <t>共架式アーム型（ｱｰﾑ600型）</t>
  </si>
  <si>
    <t>共架式アーム型（ｱｰﾑ1200型）</t>
  </si>
  <si>
    <t>共架式アーム型照明器具のみ（再利用なし）灯具支給</t>
  </si>
  <si>
    <t>共架式アーム型照明器具のみ　灯具支給</t>
  </si>
  <si>
    <t>共架式アームレス型（再利用なし　高所使用）灯具支給</t>
  </si>
  <si>
    <t>共架式アームレス型（高所不使用）灯具支給</t>
  </si>
  <si>
    <t>共架式アームレス型（高所使用）灯具支給</t>
  </si>
  <si>
    <t>共架式アームレス型（ｱｰﾑﾚｽ40型　高所不使用）</t>
  </si>
  <si>
    <t>共架式アームレス型（ｱｰﾑﾚｽ40型　高所使用）</t>
  </si>
  <si>
    <t>共架式アームレス型（ｱｰﾑﾚｽ60型　高所不使用）</t>
  </si>
  <si>
    <t>共架式アームレス型（ｱｰﾑﾚｽ60型　高所使用）</t>
  </si>
  <si>
    <t>打音検査・電圧確認・点検口蓋交換・氷塊撤去など軽微なもの</t>
  </si>
  <si>
    <t>管理番号札取付・照明器具点検など高所作業</t>
  </si>
  <si>
    <t>直線10ｍベース式350ｋｇ以下単独</t>
  </si>
  <si>
    <t>10ｍ</t>
  </si>
  <si>
    <t>10ｍ（再利用なし）</t>
  </si>
  <si>
    <t>材料支給</t>
  </si>
  <si>
    <t>再利用なし　材料支給</t>
  </si>
  <si>
    <t>500□×1900・ヒューム管内径450φ　舗装復旧含む</t>
  </si>
  <si>
    <t>抱柱型分電盤取付</t>
  </si>
  <si>
    <t>分電盤支給</t>
  </si>
  <si>
    <t>抱柱型分電盤撤去</t>
  </si>
  <si>
    <t xml:space="preserve"> </t>
  </si>
  <si>
    <t>自立型分電盤取付</t>
  </si>
  <si>
    <t>自立型分電盤撤去</t>
  </si>
  <si>
    <t>10.9ｋｍ以下、無筋、機械積込、1㎥当り</t>
  </si>
  <si>
    <t>４ｔユニック　単独柱撤去等　昼間　回/半日</t>
  </si>
  <si>
    <t>４ｔユニック　単独柱撤去等　夜間　回/半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&quot;円&quot;;\-#,##0&quot;円&quot;"/>
  </numFmts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6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0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0" fillId="0" borderId="14" xfId="0" applyBorder="1">
      <alignment vertical="center"/>
    </xf>
    <xf numFmtId="0" fontId="3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0" fillId="0" borderId="5" xfId="0" applyBorder="1" applyAlignment="1">
      <alignment horizontal="center" vertical="center" shrinkToFit="1"/>
    </xf>
    <xf numFmtId="0" fontId="3" fillId="0" borderId="5" xfId="0" applyFont="1" applyBorder="1" applyAlignment="1">
      <alignment vertical="center" shrinkToFit="1"/>
    </xf>
    <xf numFmtId="176" fontId="0" fillId="0" borderId="14" xfId="0" applyNumberFormat="1" applyBorder="1">
      <alignment vertical="center"/>
    </xf>
    <xf numFmtId="176" fontId="5" fillId="0" borderId="3" xfId="0" applyNumberFormat="1" applyFont="1" applyBorder="1">
      <alignment vertical="center"/>
    </xf>
    <xf numFmtId="0" fontId="0" fillId="0" borderId="1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 wrapText="1"/>
    </xf>
    <xf numFmtId="0" fontId="6" fillId="0" borderId="5" xfId="0" applyFont="1" applyBorder="1" applyAlignment="1">
      <alignment vertical="center" wrapText="1" shrinkToFit="1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16" xfId="0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13" xfId="0" applyBorder="1">
      <alignment vertical="center"/>
    </xf>
    <xf numFmtId="0" fontId="0" fillId="0" borderId="7" xfId="0" applyBorder="1">
      <alignment vertical="center"/>
    </xf>
    <xf numFmtId="0" fontId="0" fillId="0" borderId="15" xfId="0" applyBorder="1">
      <alignment vertical="center"/>
    </xf>
    <xf numFmtId="0" fontId="4" fillId="0" borderId="15" xfId="0" applyFont="1" applyBorder="1" applyAlignment="1">
      <alignment horizontal="center" vertical="center"/>
    </xf>
    <xf numFmtId="0" fontId="6" fillId="0" borderId="17" xfId="0" applyFont="1" applyBorder="1" applyAlignment="1">
      <alignment vertical="center" wrapText="1" shrinkToFit="1"/>
    </xf>
    <xf numFmtId="0" fontId="0" fillId="0" borderId="17" xfId="0" applyBorder="1" applyAlignment="1">
      <alignment horizontal="center" vertical="center"/>
    </xf>
    <xf numFmtId="0" fontId="0" fillId="0" borderId="18" xfId="0" applyBorder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7" fillId="0" borderId="4" xfId="0" applyFont="1" applyBorder="1" applyAlignment="1">
      <alignment horizontal="center" vertical="center" wrapText="1"/>
    </xf>
    <xf numFmtId="0" fontId="8" fillId="0" borderId="1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94"/>
  <sheetViews>
    <sheetView tabSelected="1" view="pageBreakPreview" topLeftCell="A68" zoomScaleNormal="70" zoomScaleSheetLayoutView="100" workbookViewId="0">
      <selection activeCell="H93" sqref="H93"/>
    </sheetView>
  </sheetViews>
  <sheetFormatPr defaultRowHeight="15.75" customHeight="1" x14ac:dyDescent="0.15"/>
  <cols>
    <col min="1" max="2" width="3.875" style="16" customWidth="1"/>
    <col min="3" max="3" width="28.125" style="19" bestFit="1" customWidth="1"/>
    <col min="4" max="4" width="37.25" style="18" bestFit="1" customWidth="1"/>
    <col min="5" max="5" width="5.25" style="16" bestFit="1" customWidth="1"/>
    <col min="6" max="6" width="10.375" style="16" customWidth="1"/>
    <col min="7" max="7" width="6.125" style="16" customWidth="1"/>
    <col min="8" max="8" width="15.875" style="16" customWidth="1"/>
    <col min="9" max="16384" width="9" style="16"/>
  </cols>
  <sheetData>
    <row r="1" spans="1:8" ht="49.5" customHeight="1" x14ac:dyDescent="0.15"/>
    <row r="2" spans="1:8" ht="18.95" customHeight="1" x14ac:dyDescent="0.15">
      <c r="A2" s="32" t="s">
        <v>15</v>
      </c>
      <c r="B2" s="32" t="s">
        <v>16</v>
      </c>
      <c r="C2" s="34" t="s">
        <v>0</v>
      </c>
      <c r="D2" s="35"/>
      <c r="E2" s="36" t="s">
        <v>1</v>
      </c>
      <c r="F2" s="29" t="s">
        <v>11</v>
      </c>
      <c r="G2" s="38" t="s">
        <v>2</v>
      </c>
      <c r="H2" s="29" t="s">
        <v>12</v>
      </c>
    </row>
    <row r="3" spans="1:8" ht="18.95" customHeight="1" thickBot="1" x14ac:dyDescent="0.2">
      <c r="A3" s="33"/>
      <c r="B3" s="33"/>
      <c r="C3" s="12" t="s">
        <v>3</v>
      </c>
      <c r="D3" s="8" t="s">
        <v>4</v>
      </c>
      <c r="E3" s="37"/>
      <c r="F3" s="30"/>
      <c r="G3" s="39"/>
      <c r="H3" s="30"/>
    </row>
    <row r="4" spans="1:8" ht="18.95" customHeight="1" x14ac:dyDescent="0.15">
      <c r="A4" s="17">
        <v>1</v>
      </c>
      <c r="B4" s="17">
        <v>1</v>
      </c>
      <c r="C4" s="5" t="s">
        <v>40</v>
      </c>
      <c r="D4" s="9" t="s">
        <v>5</v>
      </c>
      <c r="E4" s="21" t="s">
        <v>29</v>
      </c>
      <c r="F4" s="4"/>
      <c r="G4" s="2">
        <v>1</v>
      </c>
      <c r="H4" s="10">
        <f t="shared" ref="H4:H67" si="0">ROUNDDOWN(F4*G4,0)</f>
        <v>0</v>
      </c>
    </row>
    <row r="5" spans="1:8" ht="18.95" customHeight="1" x14ac:dyDescent="0.15">
      <c r="A5" s="17">
        <v>2</v>
      </c>
      <c r="B5" s="17">
        <v>2</v>
      </c>
      <c r="C5" s="6" t="s">
        <v>40</v>
      </c>
      <c r="D5" s="9" t="s">
        <v>41</v>
      </c>
      <c r="E5" s="21" t="s">
        <v>29</v>
      </c>
      <c r="F5" s="2"/>
      <c r="G5" s="1">
        <v>6</v>
      </c>
      <c r="H5" s="10">
        <f t="shared" si="0"/>
        <v>0</v>
      </c>
    </row>
    <row r="6" spans="1:8" ht="18.95" customHeight="1" x14ac:dyDescent="0.15">
      <c r="A6" s="17">
        <v>3</v>
      </c>
      <c r="B6" s="17">
        <v>3</v>
      </c>
      <c r="C6" s="7" t="s">
        <v>40</v>
      </c>
      <c r="D6" s="9" t="s">
        <v>42</v>
      </c>
      <c r="E6" s="21" t="s">
        <v>29</v>
      </c>
      <c r="F6" s="2"/>
      <c r="G6" s="1">
        <v>11</v>
      </c>
      <c r="H6" s="10">
        <f t="shared" si="0"/>
        <v>0</v>
      </c>
    </row>
    <row r="7" spans="1:8" ht="18.95" customHeight="1" x14ac:dyDescent="0.15">
      <c r="A7" s="17">
        <v>4</v>
      </c>
      <c r="B7" s="17">
        <v>4</v>
      </c>
      <c r="C7" s="6" t="s">
        <v>40</v>
      </c>
      <c r="D7" s="9" t="s">
        <v>43</v>
      </c>
      <c r="E7" s="21" t="s">
        <v>29</v>
      </c>
      <c r="F7" s="2"/>
      <c r="G7" s="1">
        <v>1</v>
      </c>
      <c r="H7" s="10">
        <f t="shared" si="0"/>
        <v>0</v>
      </c>
    </row>
    <row r="8" spans="1:8" ht="18.95" customHeight="1" x14ac:dyDescent="0.15">
      <c r="A8" s="17">
        <v>5</v>
      </c>
      <c r="B8" s="17">
        <v>5</v>
      </c>
      <c r="C8" s="6" t="s">
        <v>40</v>
      </c>
      <c r="D8" s="9" t="s">
        <v>44</v>
      </c>
      <c r="E8" s="21" t="s">
        <v>29</v>
      </c>
      <c r="F8" s="2"/>
      <c r="G8" s="1">
        <v>6</v>
      </c>
      <c r="H8" s="10">
        <f t="shared" si="0"/>
        <v>0</v>
      </c>
    </row>
    <row r="9" spans="1:8" ht="18.95" customHeight="1" x14ac:dyDescent="0.15">
      <c r="A9" s="17">
        <v>6</v>
      </c>
      <c r="B9" s="17">
        <v>6</v>
      </c>
      <c r="C9" s="6" t="s">
        <v>40</v>
      </c>
      <c r="D9" s="9" t="s">
        <v>45</v>
      </c>
      <c r="E9" s="21" t="s">
        <v>29</v>
      </c>
      <c r="F9" s="2"/>
      <c r="G9" s="1">
        <v>8</v>
      </c>
      <c r="H9" s="10">
        <f t="shared" si="0"/>
        <v>0</v>
      </c>
    </row>
    <row r="10" spans="1:8" ht="18.95" customHeight="1" x14ac:dyDescent="0.15">
      <c r="A10" s="17">
        <v>7</v>
      </c>
      <c r="B10" s="17">
        <v>9</v>
      </c>
      <c r="C10" s="6" t="s">
        <v>110</v>
      </c>
      <c r="D10" s="9" t="s">
        <v>6</v>
      </c>
      <c r="E10" s="21" t="s">
        <v>29</v>
      </c>
      <c r="F10" s="2"/>
      <c r="G10" s="1">
        <v>1</v>
      </c>
      <c r="H10" s="10">
        <f t="shared" si="0"/>
        <v>0</v>
      </c>
    </row>
    <row r="11" spans="1:8" ht="18.95" customHeight="1" x14ac:dyDescent="0.15">
      <c r="A11" s="17">
        <v>8</v>
      </c>
      <c r="B11" s="17">
        <v>11</v>
      </c>
      <c r="C11" s="6" t="s">
        <v>46</v>
      </c>
      <c r="D11" s="9" t="s">
        <v>47</v>
      </c>
      <c r="E11" s="21" t="s">
        <v>29</v>
      </c>
      <c r="F11" s="2"/>
      <c r="G11" s="1">
        <v>1</v>
      </c>
      <c r="H11" s="10">
        <f t="shared" si="0"/>
        <v>0</v>
      </c>
    </row>
    <row r="12" spans="1:8" ht="18.95" customHeight="1" x14ac:dyDescent="0.15">
      <c r="A12" s="17">
        <v>9</v>
      </c>
      <c r="B12" s="17">
        <v>12</v>
      </c>
      <c r="C12" s="6" t="s">
        <v>46</v>
      </c>
      <c r="D12" s="9" t="s">
        <v>48</v>
      </c>
      <c r="E12" s="21" t="s">
        <v>29</v>
      </c>
      <c r="F12" s="2"/>
      <c r="G12" s="1">
        <v>1</v>
      </c>
      <c r="H12" s="10">
        <f t="shared" si="0"/>
        <v>0</v>
      </c>
    </row>
    <row r="13" spans="1:8" ht="18.95" customHeight="1" x14ac:dyDescent="0.15">
      <c r="A13" s="17">
        <v>10</v>
      </c>
      <c r="B13" s="17">
        <v>13</v>
      </c>
      <c r="C13" s="6" t="s">
        <v>46</v>
      </c>
      <c r="D13" s="9" t="s">
        <v>49</v>
      </c>
      <c r="E13" s="21" t="s">
        <v>29</v>
      </c>
      <c r="F13" s="2"/>
      <c r="G13" s="1">
        <v>1</v>
      </c>
      <c r="H13" s="10">
        <f t="shared" si="0"/>
        <v>0</v>
      </c>
    </row>
    <row r="14" spans="1:8" ht="18.95" customHeight="1" x14ac:dyDescent="0.15">
      <c r="A14" s="17">
        <v>11</v>
      </c>
      <c r="B14" s="17">
        <v>14</v>
      </c>
      <c r="C14" s="6" t="s">
        <v>46</v>
      </c>
      <c r="D14" s="9" t="s">
        <v>14</v>
      </c>
      <c r="E14" s="21" t="s">
        <v>29</v>
      </c>
      <c r="F14" s="2"/>
      <c r="G14" s="1">
        <v>1</v>
      </c>
      <c r="H14" s="10">
        <f t="shared" si="0"/>
        <v>0</v>
      </c>
    </row>
    <row r="15" spans="1:8" ht="18.95" customHeight="1" x14ac:dyDescent="0.15">
      <c r="A15" s="17">
        <v>12</v>
      </c>
      <c r="B15" s="17">
        <v>15</v>
      </c>
      <c r="C15" s="6" t="s">
        <v>46</v>
      </c>
      <c r="D15" s="9" t="s">
        <v>50</v>
      </c>
      <c r="E15" s="21" t="s">
        <v>29</v>
      </c>
      <c r="F15" s="2"/>
      <c r="G15" s="1">
        <v>1</v>
      </c>
      <c r="H15" s="10">
        <f t="shared" si="0"/>
        <v>0</v>
      </c>
    </row>
    <row r="16" spans="1:8" ht="18.95" customHeight="1" x14ac:dyDescent="0.15">
      <c r="A16" s="17">
        <v>13</v>
      </c>
      <c r="B16" s="17">
        <v>16</v>
      </c>
      <c r="C16" s="6" t="s">
        <v>46</v>
      </c>
      <c r="D16" s="9" t="s">
        <v>51</v>
      </c>
      <c r="E16" s="21" t="s">
        <v>29</v>
      </c>
      <c r="F16" s="2"/>
      <c r="G16" s="1">
        <v>1</v>
      </c>
      <c r="H16" s="10">
        <f t="shared" si="0"/>
        <v>0</v>
      </c>
    </row>
    <row r="17" spans="1:8" ht="18.95" customHeight="1" x14ac:dyDescent="0.15">
      <c r="A17" s="17">
        <v>14</v>
      </c>
      <c r="B17" s="17">
        <v>17</v>
      </c>
      <c r="C17" s="6" t="s">
        <v>46</v>
      </c>
      <c r="D17" s="9" t="s">
        <v>52</v>
      </c>
      <c r="E17" s="21" t="s">
        <v>29</v>
      </c>
      <c r="F17" s="2"/>
      <c r="G17" s="1">
        <v>1</v>
      </c>
      <c r="H17" s="10">
        <f t="shared" si="0"/>
        <v>0</v>
      </c>
    </row>
    <row r="18" spans="1:8" ht="18.95" customHeight="1" x14ac:dyDescent="0.15">
      <c r="A18" s="17">
        <v>15</v>
      </c>
      <c r="B18" s="17">
        <v>20</v>
      </c>
      <c r="C18" s="6" t="s">
        <v>53</v>
      </c>
      <c r="D18" s="9" t="s">
        <v>54</v>
      </c>
      <c r="E18" s="21" t="s">
        <v>29</v>
      </c>
      <c r="F18" s="2"/>
      <c r="G18" s="1">
        <v>1</v>
      </c>
      <c r="H18" s="10">
        <f t="shared" si="0"/>
        <v>0</v>
      </c>
    </row>
    <row r="19" spans="1:8" ht="18.95" customHeight="1" x14ac:dyDescent="0.15">
      <c r="A19" s="17">
        <v>16</v>
      </c>
      <c r="B19" s="17">
        <v>21</v>
      </c>
      <c r="C19" s="6" t="s">
        <v>55</v>
      </c>
      <c r="D19" s="9" t="s">
        <v>56</v>
      </c>
      <c r="E19" s="21" t="s">
        <v>29</v>
      </c>
      <c r="F19" s="2"/>
      <c r="G19" s="1">
        <v>1</v>
      </c>
      <c r="H19" s="10">
        <f t="shared" si="0"/>
        <v>0</v>
      </c>
    </row>
    <row r="20" spans="1:8" ht="18.95" customHeight="1" x14ac:dyDescent="0.15">
      <c r="A20" s="17">
        <v>17</v>
      </c>
      <c r="B20" s="17">
        <v>22</v>
      </c>
      <c r="C20" s="6" t="s">
        <v>55</v>
      </c>
      <c r="D20" s="9" t="s">
        <v>18</v>
      </c>
      <c r="E20" s="21" t="s">
        <v>29</v>
      </c>
      <c r="F20" s="2"/>
      <c r="G20" s="1">
        <v>1</v>
      </c>
      <c r="H20" s="10">
        <f t="shared" si="0"/>
        <v>0</v>
      </c>
    </row>
    <row r="21" spans="1:8" ht="18.95" customHeight="1" x14ac:dyDescent="0.15">
      <c r="A21" s="17">
        <v>18</v>
      </c>
      <c r="B21" s="17">
        <v>23</v>
      </c>
      <c r="C21" s="6" t="s">
        <v>55</v>
      </c>
      <c r="D21" s="9" t="s">
        <v>19</v>
      </c>
      <c r="E21" s="21" t="s">
        <v>29</v>
      </c>
      <c r="F21" s="2"/>
      <c r="G21" s="1">
        <v>1</v>
      </c>
      <c r="H21" s="10">
        <f t="shared" si="0"/>
        <v>0</v>
      </c>
    </row>
    <row r="22" spans="1:8" ht="18.95" customHeight="1" x14ac:dyDescent="0.15">
      <c r="A22" s="17">
        <v>19</v>
      </c>
      <c r="B22" s="17">
        <v>24</v>
      </c>
      <c r="C22" s="6" t="s">
        <v>55</v>
      </c>
      <c r="D22" s="9" t="s">
        <v>20</v>
      </c>
      <c r="E22" s="21" t="s">
        <v>29</v>
      </c>
      <c r="F22" s="2"/>
      <c r="G22" s="1">
        <v>1</v>
      </c>
      <c r="H22" s="10">
        <f t="shared" si="0"/>
        <v>0</v>
      </c>
    </row>
    <row r="23" spans="1:8" ht="18.95" customHeight="1" x14ac:dyDescent="0.15">
      <c r="A23" s="17">
        <v>20</v>
      </c>
      <c r="B23" s="17">
        <v>25</v>
      </c>
      <c r="C23" s="6" t="s">
        <v>55</v>
      </c>
      <c r="D23" s="9" t="s">
        <v>21</v>
      </c>
      <c r="E23" s="21" t="s">
        <v>29</v>
      </c>
      <c r="F23" s="2"/>
      <c r="G23" s="1">
        <v>1</v>
      </c>
      <c r="H23" s="10">
        <f t="shared" si="0"/>
        <v>0</v>
      </c>
    </row>
    <row r="24" spans="1:8" ht="18.95" customHeight="1" x14ac:dyDescent="0.15">
      <c r="A24" s="17">
        <v>21</v>
      </c>
      <c r="B24" s="17">
        <v>26</v>
      </c>
      <c r="C24" s="6" t="s">
        <v>55</v>
      </c>
      <c r="D24" s="9" t="s">
        <v>22</v>
      </c>
      <c r="E24" s="21" t="s">
        <v>29</v>
      </c>
      <c r="F24" s="2"/>
      <c r="G24" s="1">
        <v>1</v>
      </c>
      <c r="H24" s="10">
        <f t="shared" si="0"/>
        <v>0</v>
      </c>
    </row>
    <row r="25" spans="1:8" ht="18.95" customHeight="1" x14ac:dyDescent="0.15">
      <c r="A25" s="17">
        <v>22</v>
      </c>
      <c r="B25" s="17">
        <v>29</v>
      </c>
      <c r="C25" s="6" t="s">
        <v>57</v>
      </c>
      <c r="D25" s="9" t="s">
        <v>23</v>
      </c>
      <c r="E25" s="21" t="s">
        <v>29</v>
      </c>
      <c r="F25" s="2"/>
      <c r="G25" s="1">
        <v>1</v>
      </c>
      <c r="H25" s="10">
        <f t="shared" si="0"/>
        <v>0</v>
      </c>
    </row>
    <row r="26" spans="1:8" ht="18.95" customHeight="1" x14ac:dyDescent="0.15">
      <c r="A26" s="17">
        <v>23</v>
      </c>
      <c r="B26" s="17">
        <v>30</v>
      </c>
      <c r="C26" s="6" t="s">
        <v>13</v>
      </c>
      <c r="D26" s="9" t="s">
        <v>7</v>
      </c>
      <c r="E26" s="21" t="s">
        <v>29</v>
      </c>
      <c r="F26" s="2"/>
      <c r="G26" s="1">
        <v>1</v>
      </c>
      <c r="H26" s="10">
        <f t="shared" si="0"/>
        <v>0</v>
      </c>
    </row>
    <row r="27" spans="1:8" ht="18.95" customHeight="1" x14ac:dyDescent="0.15">
      <c r="A27" s="17">
        <v>24</v>
      </c>
      <c r="B27" s="17">
        <v>36</v>
      </c>
      <c r="C27" s="6" t="s">
        <v>24</v>
      </c>
      <c r="D27" s="15" t="s">
        <v>58</v>
      </c>
      <c r="E27" s="21" t="s">
        <v>29</v>
      </c>
      <c r="F27" s="2"/>
      <c r="G27" s="1">
        <v>1</v>
      </c>
      <c r="H27" s="10">
        <f t="shared" si="0"/>
        <v>0</v>
      </c>
    </row>
    <row r="28" spans="1:8" ht="18.95" customHeight="1" x14ac:dyDescent="0.15">
      <c r="A28" s="17">
        <v>25</v>
      </c>
      <c r="B28" s="17">
        <v>37</v>
      </c>
      <c r="C28" s="6" t="s">
        <v>59</v>
      </c>
      <c r="D28" s="15" t="s">
        <v>60</v>
      </c>
      <c r="E28" s="21" t="s">
        <v>29</v>
      </c>
      <c r="F28" s="2"/>
      <c r="G28" s="1">
        <v>1</v>
      </c>
      <c r="H28" s="10">
        <f t="shared" si="0"/>
        <v>0</v>
      </c>
    </row>
    <row r="29" spans="1:8" ht="18.95" customHeight="1" x14ac:dyDescent="0.15">
      <c r="A29" s="17">
        <v>26</v>
      </c>
      <c r="B29" s="17">
        <v>38</v>
      </c>
      <c r="C29" s="6" t="s">
        <v>59</v>
      </c>
      <c r="D29" s="15" t="s">
        <v>61</v>
      </c>
      <c r="E29" s="21" t="s">
        <v>29</v>
      </c>
      <c r="F29" s="2"/>
      <c r="G29" s="1">
        <v>1</v>
      </c>
      <c r="H29" s="10">
        <f t="shared" si="0"/>
        <v>0</v>
      </c>
    </row>
    <row r="30" spans="1:8" ht="18.95" customHeight="1" x14ac:dyDescent="0.15">
      <c r="A30" s="17">
        <v>27</v>
      </c>
      <c r="B30" s="17">
        <v>39</v>
      </c>
      <c r="C30" s="6" t="s">
        <v>59</v>
      </c>
      <c r="D30" s="15" t="s">
        <v>62</v>
      </c>
      <c r="E30" s="21" t="s">
        <v>29</v>
      </c>
      <c r="F30" s="2"/>
      <c r="G30" s="1">
        <v>1</v>
      </c>
      <c r="H30" s="10">
        <f t="shared" si="0"/>
        <v>0</v>
      </c>
    </row>
    <row r="31" spans="1:8" ht="18.95" customHeight="1" x14ac:dyDescent="0.15">
      <c r="A31" s="17">
        <v>28</v>
      </c>
      <c r="B31" s="17">
        <v>41</v>
      </c>
      <c r="C31" s="6" t="s">
        <v>63</v>
      </c>
      <c r="D31" s="15" t="s">
        <v>8</v>
      </c>
      <c r="E31" s="21" t="s">
        <v>29</v>
      </c>
      <c r="F31" s="2"/>
      <c r="G31" s="1">
        <v>1</v>
      </c>
      <c r="H31" s="10">
        <f t="shared" si="0"/>
        <v>0</v>
      </c>
    </row>
    <row r="32" spans="1:8" ht="18.95" customHeight="1" x14ac:dyDescent="0.15">
      <c r="A32" s="17">
        <v>29</v>
      </c>
      <c r="B32" s="17">
        <v>42</v>
      </c>
      <c r="C32" s="14" t="s">
        <v>64</v>
      </c>
      <c r="D32" s="15" t="s">
        <v>65</v>
      </c>
      <c r="E32" s="21" t="s">
        <v>29</v>
      </c>
      <c r="F32" s="2"/>
      <c r="G32" s="1">
        <v>1</v>
      </c>
      <c r="H32" s="10">
        <f t="shared" si="0"/>
        <v>0</v>
      </c>
    </row>
    <row r="33" spans="1:8" ht="18.95" customHeight="1" x14ac:dyDescent="0.15">
      <c r="A33" s="17">
        <v>30</v>
      </c>
      <c r="B33" s="17">
        <v>43</v>
      </c>
      <c r="C33" s="6" t="s">
        <v>66</v>
      </c>
      <c r="D33" s="15" t="s">
        <v>9</v>
      </c>
      <c r="E33" s="21" t="s">
        <v>29</v>
      </c>
      <c r="F33" s="2"/>
      <c r="G33" s="1">
        <v>1</v>
      </c>
      <c r="H33" s="10">
        <f t="shared" si="0"/>
        <v>0</v>
      </c>
    </row>
    <row r="34" spans="1:8" ht="18.95" customHeight="1" x14ac:dyDescent="0.15">
      <c r="A34" s="17">
        <v>31</v>
      </c>
      <c r="B34" s="17">
        <v>44</v>
      </c>
      <c r="C34" s="6" t="s">
        <v>25</v>
      </c>
      <c r="D34" s="15" t="s">
        <v>17</v>
      </c>
      <c r="E34" s="21" t="s">
        <v>30</v>
      </c>
      <c r="F34" s="2"/>
      <c r="G34" s="1">
        <v>1</v>
      </c>
      <c r="H34" s="10">
        <f t="shared" si="0"/>
        <v>0</v>
      </c>
    </row>
    <row r="35" spans="1:8" ht="18.95" customHeight="1" x14ac:dyDescent="0.15">
      <c r="A35" s="17">
        <v>32</v>
      </c>
      <c r="B35" s="17">
        <v>45</v>
      </c>
      <c r="C35" s="6" t="s">
        <v>67</v>
      </c>
      <c r="D35" s="15" t="s">
        <v>111</v>
      </c>
      <c r="E35" s="21" t="s">
        <v>29</v>
      </c>
      <c r="F35" s="2"/>
      <c r="G35" s="1">
        <v>1</v>
      </c>
      <c r="H35" s="10">
        <f t="shared" si="0"/>
        <v>0</v>
      </c>
    </row>
    <row r="36" spans="1:8" ht="18.95" customHeight="1" x14ac:dyDescent="0.15">
      <c r="A36" s="17">
        <v>33</v>
      </c>
      <c r="B36" s="17">
        <v>46</v>
      </c>
      <c r="C36" s="6" t="s">
        <v>67</v>
      </c>
      <c r="D36" s="9" t="s">
        <v>112</v>
      </c>
      <c r="E36" s="21" t="s">
        <v>29</v>
      </c>
      <c r="F36" s="2"/>
      <c r="G36" s="1">
        <v>1</v>
      </c>
      <c r="H36" s="10">
        <f t="shared" si="0"/>
        <v>0</v>
      </c>
    </row>
    <row r="37" spans="1:8" ht="18.95" customHeight="1" thickBot="1" x14ac:dyDescent="0.2">
      <c r="A37" s="17">
        <v>34</v>
      </c>
      <c r="B37" s="17">
        <v>47</v>
      </c>
      <c r="C37" s="6" t="s">
        <v>26</v>
      </c>
      <c r="D37" s="9" t="s">
        <v>68</v>
      </c>
      <c r="E37" s="21" t="s">
        <v>29</v>
      </c>
      <c r="F37" s="3"/>
      <c r="G37" s="1">
        <v>1</v>
      </c>
      <c r="H37" s="10">
        <f t="shared" si="0"/>
        <v>0</v>
      </c>
    </row>
    <row r="38" spans="1:8" ht="18.95" customHeight="1" x14ac:dyDescent="0.15">
      <c r="A38" s="17">
        <v>35</v>
      </c>
      <c r="B38" s="17">
        <v>48</v>
      </c>
      <c r="C38" s="6" t="s">
        <v>26</v>
      </c>
      <c r="D38" s="9" t="s">
        <v>69</v>
      </c>
      <c r="E38" s="21" t="s">
        <v>29</v>
      </c>
      <c r="F38" s="4"/>
      <c r="G38" s="1">
        <v>3</v>
      </c>
      <c r="H38" s="10">
        <f t="shared" si="0"/>
        <v>0</v>
      </c>
    </row>
    <row r="39" spans="1:8" ht="18.95" customHeight="1" x14ac:dyDescent="0.15">
      <c r="A39" s="17">
        <v>36</v>
      </c>
      <c r="B39" s="17">
        <v>49</v>
      </c>
      <c r="C39" s="6" t="s">
        <v>70</v>
      </c>
      <c r="D39" s="9" t="s">
        <v>113</v>
      </c>
      <c r="E39" s="21" t="s">
        <v>29</v>
      </c>
      <c r="F39" s="2"/>
      <c r="G39" s="1">
        <v>1</v>
      </c>
      <c r="H39" s="10">
        <f t="shared" si="0"/>
        <v>0</v>
      </c>
    </row>
    <row r="40" spans="1:8" ht="18.95" customHeight="1" x14ac:dyDescent="0.15">
      <c r="A40" s="17">
        <v>37</v>
      </c>
      <c r="B40" s="17">
        <v>50</v>
      </c>
      <c r="C40" s="6" t="s">
        <v>70</v>
      </c>
      <c r="D40" s="9" t="s">
        <v>114</v>
      </c>
      <c r="E40" s="21" t="s">
        <v>29</v>
      </c>
      <c r="F40" s="2"/>
      <c r="G40" s="1">
        <v>1</v>
      </c>
      <c r="H40" s="10">
        <f t="shared" si="0"/>
        <v>0</v>
      </c>
    </row>
    <row r="41" spans="1:8" ht="18.95" customHeight="1" x14ac:dyDescent="0.15">
      <c r="A41" s="17">
        <v>38</v>
      </c>
      <c r="B41" s="17">
        <v>51</v>
      </c>
      <c r="C41" s="6" t="s">
        <v>70</v>
      </c>
      <c r="D41" s="9" t="s">
        <v>115</v>
      </c>
      <c r="E41" s="21" t="s">
        <v>29</v>
      </c>
      <c r="F41" s="2"/>
      <c r="G41" s="1">
        <v>1</v>
      </c>
      <c r="H41" s="10">
        <f t="shared" si="0"/>
        <v>0</v>
      </c>
    </row>
    <row r="42" spans="1:8" ht="18.95" customHeight="1" x14ac:dyDescent="0.15">
      <c r="A42" s="17">
        <v>39</v>
      </c>
      <c r="B42" s="17">
        <v>52</v>
      </c>
      <c r="C42" s="6" t="s">
        <v>67</v>
      </c>
      <c r="D42" s="9" t="s">
        <v>71</v>
      </c>
      <c r="E42" s="21" t="s">
        <v>29</v>
      </c>
      <c r="F42" s="2"/>
      <c r="G42" s="1">
        <v>1</v>
      </c>
      <c r="H42" s="10">
        <f t="shared" si="0"/>
        <v>0</v>
      </c>
    </row>
    <row r="43" spans="1:8" ht="18.95" customHeight="1" x14ac:dyDescent="0.15">
      <c r="A43" s="17">
        <v>40</v>
      </c>
      <c r="B43" s="17">
        <v>53</v>
      </c>
      <c r="C43" s="6" t="s">
        <v>67</v>
      </c>
      <c r="D43" s="9" t="s">
        <v>116</v>
      </c>
      <c r="E43" s="21" t="s">
        <v>29</v>
      </c>
      <c r="F43" s="2"/>
      <c r="G43" s="1">
        <v>1</v>
      </c>
      <c r="H43" s="10">
        <f t="shared" si="0"/>
        <v>0</v>
      </c>
    </row>
    <row r="44" spans="1:8" ht="18.95" customHeight="1" x14ac:dyDescent="0.15">
      <c r="A44" s="17">
        <v>41</v>
      </c>
      <c r="B44" s="17">
        <v>54</v>
      </c>
      <c r="C44" s="6" t="s">
        <v>26</v>
      </c>
      <c r="D44" s="9" t="s">
        <v>71</v>
      </c>
      <c r="E44" s="21" t="s">
        <v>29</v>
      </c>
      <c r="F44" s="2"/>
      <c r="G44" s="1">
        <v>1</v>
      </c>
      <c r="H44" s="10">
        <f t="shared" si="0"/>
        <v>0</v>
      </c>
    </row>
    <row r="45" spans="1:8" ht="18.95" customHeight="1" x14ac:dyDescent="0.15">
      <c r="A45" s="17">
        <v>42</v>
      </c>
      <c r="B45" s="17">
        <v>55</v>
      </c>
      <c r="C45" s="6" t="s">
        <v>26</v>
      </c>
      <c r="D45" s="9" t="s">
        <v>72</v>
      </c>
      <c r="E45" s="21" t="s">
        <v>29</v>
      </c>
      <c r="F45" s="2"/>
      <c r="G45" s="1">
        <v>1</v>
      </c>
      <c r="H45" s="10">
        <f t="shared" si="0"/>
        <v>0</v>
      </c>
    </row>
    <row r="46" spans="1:8" ht="18.95" customHeight="1" x14ac:dyDescent="0.15">
      <c r="A46" s="17">
        <v>43</v>
      </c>
      <c r="B46" s="17">
        <v>56</v>
      </c>
      <c r="C46" s="6" t="s">
        <v>70</v>
      </c>
      <c r="D46" s="9" t="s">
        <v>117</v>
      </c>
      <c r="E46" s="21" t="s">
        <v>29</v>
      </c>
      <c r="F46" s="2"/>
      <c r="G46" s="1">
        <v>1</v>
      </c>
      <c r="H46" s="10">
        <f t="shared" si="0"/>
        <v>0</v>
      </c>
    </row>
    <row r="47" spans="1:8" ht="18.95" customHeight="1" x14ac:dyDescent="0.15">
      <c r="A47" s="17">
        <v>44</v>
      </c>
      <c r="B47" s="17">
        <v>57</v>
      </c>
      <c r="C47" s="6" t="s">
        <v>70</v>
      </c>
      <c r="D47" s="9" t="s">
        <v>73</v>
      </c>
      <c r="E47" s="21" t="s">
        <v>29</v>
      </c>
      <c r="F47" s="2"/>
      <c r="G47" s="1">
        <v>1</v>
      </c>
      <c r="H47" s="10">
        <f t="shared" si="0"/>
        <v>0</v>
      </c>
    </row>
    <row r="48" spans="1:8" ht="18.95" customHeight="1" x14ac:dyDescent="0.15">
      <c r="A48" s="17">
        <v>45</v>
      </c>
      <c r="B48" s="17">
        <v>58</v>
      </c>
      <c r="C48" s="6" t="s">
        <v>67</v>
      </c>
      <c r="D48" s="9" t="s">
        <v>74</v>
      </c>
      <c r="E48" s="21" t="s">
        <v>29</v>
      </c>
      <c r="F48" s="2"/>
      <c r="G48" s="1">
        <v>1</v>
      </c>
      <c r="H48" s="10">
        <f t="shared" si="0"/>
        <v>0</v>
      </c>
    </row>
    <row r="49" spans="1:8" ht="18.95" customHeight="1" x14ac:dyDescent="0.15">
      <c r="A49" s="17">
        <v>46</v>
      </c>
      <c r="B49" s="17">
        <v>59</v>
      </c>
      <c r="C49" s="6" t="s">
        <v>67</v>
      </c>
      <c r="D49" s="9" t="s">
        <v>75</v>
      </c>
      <c r="E49" s="21" t="s">
        <v>29</v>
      </c>
      <c r="F49" s="2"/>
      <c r="G49" s="1">
        <v>1</v>
      </c>
      <c r="H49" s="10">
        <f t="shared" si="0"/>
        <v>0</v>
      </c>
    </row>
    <row r="50" spans="1:8" ht="18.95" customHeight="1" x14ac:dyDescent="0.15">
      <c r="A50" s="17">
        <v>47</v>
      </c>
      <c r="B50" s="17">
        <v>60</v>
      </c>
      <c r="C50" s="6" t="s">
        <v>67</v>
      </c>
      <c r="D50" s="9" t="s">
        <v>76</v>
      </c>
      <c r="E50" s="21" t="s">
        <v>29</v>
      </c>
      <c r="F50" s="2"/>
      <c r="G50" s="1">
        <v>8</v>
      </c>
      <c r="H50" s="10">
        <f t="shared" si="0"/>
        <v>0</v>
      </c>
    </row>
    <row r="51" spans="1:8" ht="18.95" customHeight="1" x14ac:dyDescent="0.15">
      <c r="A51" s="17">
        <v>48</v>
      </c>
      <c r="B51" s="17">
        <v>61</v>
      </c>
      <c r="C51" s="6" t="s">
        <v>67</v>
      </c>
      <c r="D51" s="9" t="s">
        <v>118</v>
      </c>
      <c r="E51" s="21" t="s">
        <v>29</v>
      </c>
      <c r="F51" s="2"/>
      <c r="G51" s="1">
        <v>6</v>
      </c>
      <c r="H51" s="10">
        <f t="shared" si="0"/>
        <v>0</v>
      </c>
    </row>
    <row r="52" spans="1:8" ht="18.95" customHeight="1" x14ac:dyDescent="0.15">
      <c r="A52" s="17">
        <v>49</v>
      </c>
      <c r="B52" s="17">
        <v>62</v>
      </c>
      <c r="C52" s="6" t="s">
        <v>26</v>
      </c>
      <c r="D52" s="9" t="s">
        <v>74</v>
      </c>
      <c r="E52" s="21" t="s">
        <v>29</v>
      </c>
      <c r="F52" s="2"/>
      <c r="G52" s="1">
        <v>1</v>
      </c>
      <c r="H52" s="10">
        <f t="shared" si="0"/>
        <v>0</v>
      </c>
    </row>
    <row r="53" spans="1:8" ht="18.95" customHeight="1" x14ac:dyDescent="0.15">
      <c r="A53" s="17">
        <v>50</v>
      </c>
      <c r="B53" s="17">
        <v>63</v>
      </c>
      <c r="C53" s="6" t="s">
        <v>26</v>
      </c>
      <c r="D53" s="9" t="s">
        <v>75</v>
      </c>
      <c r="E53" s="21" t="s">
        <v>29</v>
      </c>
      <c r="F53" s="2"/>
      <c r="G53" s="1">
        <v>1</v>
      </c>
      <c r="H53" s="10">
        <f t="shared" si="0"/>
        <v>0</v>
      </c>
    </row>
    <row r="54" spans="1:8" ht="18.95" customHeight="1" x14ac:dyDescent="0.15">
      <c r="A54" s="17">
        <v>51</v>
      </c>
      <c r="B54" s="17">
        <v>64</v>
      </c>
      <c r="C54" s="6" t="s">
        <v>26</v>
      </c>
      <c r="D54" s="9" t="s">
        <v>76</v>
      </c>
      <c r="E54" s="21" t="s">
        <v>29</v>
      </c>
      <c r="F54" s="2"/>
      <c r="G54" s="1">
        <v>1</v>
      </c>
      <c r="H54" s="10">
        <f t="shared" si="0"/>
        <v>0</v>
      </c>
    </row>
    <row r="55" spans="1:8" ht="18.95" customHeight="1" x14ac:dyDescent="0.15">
      <c r="A55" s="17">
        <v>52</v>
      </c>
      <c r="B55" s="17">
        <v>65</v>
      </c>
      <c r="C55" s="6" t="s">
        <v>26</v>
      </c>
      <c r="D55" s="9" t="s">
        <v>77</v>
      </c>
      <c r="E55" s="21" t="s">
        <v>29</v>
      </c>
      <c r="F55" s="2"/>
      <c r="G55" s="1">
        <v>1</v>
      </c>
      <c r="H55" s="10">
        <f t="shared" si="0"/>
        <v>0</v>
      </c>
    </row>
    <row r="56" spans="1:8" ht="18.95" customHeight="1" x14ac:dyDescent="0.15">
      <c r="A56" s="17">
        <v>53</v>
      </c>
      <c r="B56" s="17">
        <v>66</v>
      </c>
      <c r="C56" s="13" t="s">
        <v>70</v>
      </c>
      <c r="D56" s="9" t="s">
        <v>119</v>
      </c>
      <c r="E56" s="21" t="s">
        <v>29</v>
      </c>
      <c r="F56" s="2"/>
      <c r="G56" s="1">
        <v>3</v>
      </c>
      <c r="H56" s="10">
        <f t="shared" si="0"/>
        <v>0</v>
      </c>
    </row>
    <row r="57" spans="1:8" ht="18.95" customHeight="1" x14ac:dyDescent="0.15">
      <c r="A57" s="17">
        <v>54</v>
      </c>
      <c r="B57" s="17">
        <v>67</v>
      </c>
      <c r="C57" s="6" t="s">
        <v>70</v>
      </c>
      <c r="D57" s="9" t="s">
        <v>120</v>
      </c>
      <c r="E57" s="21" t="s">
        <v>29</v>
      </c>
      <c r="F57" s="2"/>
      <c r="G57" s="1">
        <v>3</v>
      </c>
      <c r="H57" s="10">
        <f t="shared" si="0"/>
        <v>0</v>
      </c>
    </row>
    <row r="58" spans="1:8" ht="18.95" customHeight="1" x14ac:dyDescent="0.15">
      <c r="A58" s="17">
        <v>55</v>
      </c>
      <c r="B58" s="17">
        <v>68</v>
      </c>
      <c r="C58" s="6" t="s">
        <v>70</v>
      </c>
      <c r="D58" s="9" t="s">
        <v>121</v>
      </c>
      <c r="E58" s="21" t="s">
        <v>29</v>
      </c>
      <c r="F58" s="2"/>
      <c r="G58" s="1">
        <v>1</v>
      </c>
      <c r="H58" s="10">
        <f t="shared" si="0"/>
        <v>0</v>
      </c>
    </row>
    <row r="59" spans="1:8" ht="18.95" customHeight="1" x14ac:dyDescent="0.15">
      <c r="A59" s="17">
        <v>56</v>
      </c>
      <c r="B59" s="17">
        <v>69</v>
      </c>
      <c r="C59" s="6" t="s">
        <v>70</v>
      </c>
      <c r="D59" s="9" t="s">
        <v>122</v>
      </c>
      <c r="E59" s="21" t="s">
        <v>29</v>
      </c>
      <c r="F59" s="2"/>
      <c r="G59" s="1">
        <v>1</v>
      </c>
      <c r="H59" s="10">
        <f t="shared" si="0"/>
        <v>0</v>
      </c>
    </row>
    <row r="60" spans="1:8" ht="18.95" customHeight="1" x14ac:dyDescent="0.15">
      <c r="A60" s="17">
        <v>57</v>
      </c>
      <c r="B60" s="17">
        <v>70</v>
      </c>
      <c r="C60" s="6" t="s">
        <v>70</v>
      </c>
      <c r="D60" s="9" t="s">
        <v>123</v>
      </c>
      <c r="E60" s="21" t="s">
        <v>29</v>
      </c>
      <c r="F60" s="2"/>
      <c r="G60" s="1">
        <v>1</v>
      </c>
      <c r="H60" s="10">
        <f t="shared" si="0"/>
        <v>0</v>
      </c>
    </row>
    <row r="61" spans="1:8" ht="18.95" customHeight="1" x14ac:dyDescent="0.15">
      <c r="A61" s="17">
        <v>58</v>
      </c>
      <c r="B61" s="17">
        <v>71</v>
      </c>
      <c r="C61" s="6" t="s">
        <v>70</v>
      </c>
      <c r="D61" s="9" t="s">
        <v>124</v>
      </c>
      <c r="E61" s="21" t="s">
        <v>29</v>
      </c>
      <c r="F61" s="2"/>
      <c r="G61" s="1">
        <v>1</v>
      </c>
      <c r="H61" s="10">
        <f t="shared" si="0"/>
        <v>0</v>
      </c>
    </row>
    <row r="62" spans="1:8" ht="18.95" customHeight="1" x14ac:dyDescent="0.15">
      <c r="A62" s="17">
        <v>59</v>
      </c>
      <c r="B62" s="17">
        <v>72</v>
      </c>
      <c r="C62" s="6" t="s">
        <v>78</v>
      </c>
      <c r="D62" s="9" t="s">
        <v>79</v>
      </c>
      <c r="E62" s="21" t="s">
        <v>29</v>
      </c>
      <c r="F62" s="2"/>
      <c r="G62" s="1">
        <v>9</v>
      </c>
      <c r="H62" s="10">
        <f t="shared" si="0"/>
        <v>0</v>
      </c>
    </row>
    <row r="63" spans="1:8" ht="18.95" customHeight="1" x14ac:dyDescent="0.15">
      <c r="A63" s="17">
        <v>60</v>
      </c>
      <c r="B63" s="17">
        <v>73</v>
      </c>
      <c r="C63" s="6" t="s">
        <v>78</v>
      </c>
      <c r="D63" s="9" t="s">
        <v>80</v>
      </c>
      <c r="E63" s="21" t="s">
        <v>29</v>
      </c>
      <c r="F63" s="2"/>
      <c r="G63" s="1">
        <v>10</v>
      </c>
      <c r="H63" s="10">
        <f t="shared" si="0"/>
        <v>0</v>
      </c>
    </row>
    <row r="64" spans="1:8" ht="18.95" customHeight="1" x14ac:dyDescent="0.15">
      <c r="A64" s="17">
        <v>61</v>
      </c>
      <c r="B64" s="17">
        <v>74</v>
      </c>
      <c r="C64" s="6" t="s">
        <v>81</v>
      </c>
      <c r="D64" s="9" t="s">
        <v>125</v>
      </c>
      <c r="E64" s="21" t="s">
        <v>29</v>
      </c>
      <c r="F64" s="2"/>
      <c r="G64" s="1">
        <v>4</v>
      </c>
      <c r="H64" s="10">
        <f t="shared" si="0"/>
        <v>0</v>
      </c>
    </row>
    <row r="65" spans="1:8" ht="18.95" customHeight="1" x14ac:dyDescent="0.15">
      <c r="A65" s="17">
        <v>62</v>
      </c>
      <c r="B65" s="17">
        <v>75</v>
      </c>
      <c r="C65" s="6" t="s">
        <v>82</v>
      </c>
      <c r="D65" s="9" t="s">
        <v>126</v>
      </c>
      <c r="E65" s="21" t="s">
        <v>29</v>
      </c>
      <c r="F65" s="2"/>
      <c r="G65" s="1">
        <v>10</v>
      </c>
      <c r="H65" s="10">
        <f t="shared" si="0"/>
        <v>0</v>
      </c>
    </row>
    <row r="66" spans="1:8" ht="18.95" customHeight="1" x14ac:dyDescent="0.15">
      <c r="A66" s="17">
        <v>63</v>
      </c>
      <c r="B66" s="17">
        <v>77</v>
      </c>
      <c r="C66" s="6" t="s">
        <v>27</v>
      </c>
      <c r="D66" s="9" t="s">
        <v>127</v>
      </c>
      <c r="E66" s="21" t="s">
        <v>31</v>
      </c>
      <c r="F66" s="2"/>
      <c r="G66" s="1">
        <v>1</v>
      </c>
      <c r="H66" s="10">
        <f t="shared" si="0"/>
        <v>0</v>
      </c>
    </row>
    <row r="67" spans="1:8" ht="18.95" customHeight="1" x14ac:dyDescent="0.15">
      <c r="A67" s="17">
        <v>64</v>
      </c>
      <c r="B67" s="17">
        <v>84</v>
      </c>
      <c r="C67" s="6" t="s">
        <v>83</v>
      </c>
      <c r="D67" s="9" t="s">
        <v>84</v>
      </c>
      <c r="E67" s="21" t="s">
        <v>31</v>
      </c>
      <c r="F67" s="2"/>
      <c r="G67" s="1">
        <v>3</v>
      </c>
      <c r="H67" s="10">
        <f t="shared" si="0"/>
        <v>0</v>
      </c>
    </row>
    <row r="68" spans="1:8" ht="18.95" customHeight="1" x14ac:dyDescent="0.15">
      <c r="A68" s="17">
        <v>65</v>
      </c>
      <c r="B68" s="17">
        <v>92</v>
      </c>
      <c r="C68" s="6" t="s">
        <v>85</v>
      </c>
      <c r="D68" s="9" t="s">
        <v>128</v>
      </c>
      <c r="E68" s="21" t="s">
        <v>31</v>
      </c>
      <c r="F68" s="20"/>
      <c r="G68" s="1">
        <v>1</v>
      </c>
      <c r="H68" s="10">
        <f t="shared" ref="H68:H92" si="1">ROUNDDOWN(F68*G68,0)</f>
        <v>0</v>
      </c>
    </row>
    <row r="69" spans="1:8" ht="18.95" customHeight="1" x14ac:dyDescent="0.15">
      <c r="A69" s="17">
        <v>66</v>
      </c>
      <c r="B69" s="17">
        <v>94</v>
      </c>
      <c r="C69" s="6" t="s">
        <v>86</v>
      </c>
      <c r="D69" s="9" t="s">
        <v>129</v>
      </c>
      <c r="E69" s="21" t="s">
        <v>31</v>
      </c>
      <c r="F69" s="20"/>
      <c r="G69" s="1">
        <v>1</v>
      </c>
      <c r="H69" s="10">
        <f t="shared" si="1"/>
        <v>0</v>
      </c>
    </row>
    <row r="70" spans="1:8" ht="18.95" customHeight="1" x14ac:dyDescent="0.15">
      <c r="A70" s="17">
        <v>67</v>
      </c>
      <c r="B70" s="17">
        <v>102</v>
      </c>
      <c r="C70" s="6" t="s">
        <v>87</v>
      </c>
      <c r="D70" s="9" t="s">
        <v>130</v>
      </c>
      <c r="E70" s="21" t="s">
        <v>32</v>
      </c>
      <c r="F70" s="20"/>
      <c r="G70" s="1">
        <v>1</v>
      </c>
      <c r="H70" s="10">
        <f t="shared" si="1"/>
        <v>0</v>
      </c>
    </row>
    <row r="71" spans="1:8" ht="18.95" customHeight="1" x14ac:dyDescent="0.15">
      <c r="A71" s="17">
        <v>68</v>
      </c>
      <c r="B71" s="17">
        <v>110</v>
      </c>
      <c r="C71" s="6" t="s">
        <v>88</v>
      </c>
      <c r="D71" s="9" t="s">
        <v>89</v>
      </c>
      <c r="E71" s="21" t="s">
        <v>32</v>
      </c>
      <c r="F71" s="20"/>
      <c r="G71" s="1">
        <v>1</v>
      </c>
      <c r="H71" s="10">
        <f t="shared" si="1"/>
        <v>0</v>
      </c>
    </row>
    <row r="72" spans="1:8" ht="18.95" customHeight="1" x14ac:dyDescent="0.15">
      <c r="A72" s="17">
        <v>69</v>
      </c>
      <c r="B72" s="17">
        <v>112</v>
      </c>
      <c r="C72" s="6" t="s">
        <v>90</v>
      </c>
      <c r="D72" s="9" t="s">
        <v>131</v>
      </c>
      <c r="E72" s="21" t="s">
        <v>32</v>
      </c>
      <c r="F72" s="20"/>
      <c r="G72" s="1">
        <v>1</v>
      </c>
      <c r="H72" s="10">
        <f t="shared" si="1"/>
        <v>0</v>
      </c>
    </row>
    <row r="73" spans="1:8" ht="18.95" customHeight="1" x14ac:dyDescent="0.15">
      <c r="A73" s="17">
        <v>70</v>
      </c>
      <c r="B73" s="17">
        <v>119</v>
      </c>
      <c r="C73" s="6" t="s">
        <v>91</v>
      </c>
      <c r="D73" s="9" t="s">
        <v>92</v>
      </c>
      <c r="E73" s="21" t="s">
        <v>33</v>
      </c>
      <c r="F73" s="20"/>
      <c r="G73" s="1">
        <v>1</v>
      </c>
      <c r="H73" s="10">
        <f t="shared" si="1"/>
        <v>0</v>
      </c>
    </row>
    <row r="74" spans="1:8" ht="18.95" customHeight="1" x14ac:dyDescent="0.15">
      <c r="A74" s="17">
        <v>71</v>
      </c>
      <c r="B74" s="17">
        <v>126</v>
      </c>
      <c r="C74" s="6" t="s">
        <v>93</v>
      </c>
      <c r="D74" s="9" t="s">
        <v>132</v>
      </c>
      <c r="E74" s="21" t="s">
        <v>29</v>
      </c>
      <c r="F74" s="20"/>
      <c r="G74" s="1">
        <v>1</v>
      </c>
      <c r="H74" s="10">
        <f t="shared" si="1"/>
        <v>0</v>
      </c>
    </row>
    <row r="75" spans="1:8" ht="18.95" customHeight="1" x14ac:dyDescent="0.15">
      <c r="A75" s="17">
        <v>72</v>
      </c>
      <c r="B75" s="17">
        <v>132</v>
      </c>
      <c r="C75" s="5" t="s">
        <v>133</v>
      </c>
      <c r="D75" s="9" t="s">
        <v>134</v>
      </c>
      <c r="E75" s="21" t="s">
        <v>34</v>
      </c>
      <c r="F75" s="20"/>
      <c r="G75" s="2">
        <v>1</v>
      </c>
      <c r="H75" s="10">
        <f t="shared" si="1"/>
        <v>0</v>
      </c>
    </row>
    <row r="76" spans="1:8" ht="18.95" customHeight="1" x14ac:dyDescent="0.15">
      <c r="A76" s="17">
        <v>73</v>
      </c>
      <c r="B76" s="17">
        <v>133</v>
      </c>
      <c r="C76" s="6" t="s">
        <v>135</v>
      </c>
      <c r="D76" s="9" t="s">
        <v>136</v>
      </c>
      <c r="E76" s="21" t="s">
        <v>34</v>
      </c>
      <c r="F76" s="2"/>
      <c r="G76" s="1">
        <v>1</v>
      </c>
      <c r="H76" s="10">
        <f t="shared" si="1"/>
        <v>0</v>
      </c>
    </row>
    <row r="77" spans="1:8" ht="18.95" customHeight="1" x14ac:dyDescent="0.15">
      <c r="A77" s="17">
        <v>74</v>
      </c>
      <c r="B77" s="17">
        <v>134</v>
      </c>
      <c r="C77" s="7" t="s">
        <v>137</v>
      </c>
      <c r="D77" s="9" t="s">
        <v>134</v>
      </c>
      <c r="E77" s="21" t="s">
        <v>34</v>
      </c>
      <c r="F77" s="2"/>
      <c r="G77" s="1">
        <v>1</v>
      </c>
      <c r="H77" s="10">
        <f t="shared" si="1"/>
        <v>0</v>
      </c>
    </row>
    <row r="78" spans="1:8" ht="18.95" customHeight="1" thickBot="1" x14ac:dyDescent="0.2">
      <c r="A78" s="17">
        <v>75</v>
      </c>
      <c r="B78" s="17">
        <v>135</v>
      </c>
      <c r="C78" s="6" t="s">
        <v>138</v>
      </c>
      <c r="D78" s="9" t="s">
        <v>136</v>
      </c>
      <c r="E78" s="21" t="s">
        <v>34</v>
      </c>
      <c r="F78" s="3"/>
      <c r="G78" s="1">
        <v>1</v>
      </c>
      <c r="H78" s="10">
        <f t="shared" si="1"/>
        <v>0</v>
      </c>
    </row>
    <row r="79" spans="1:8" ht="18.95" customHeight="1" x14ac:dyDescent="0.15">
      <c r="A79" s="17">
        <v>76</v>
      </c>
      <c r="B79" s="17">
        <v>136</v>
      </c>
      <c r="C79" s="6" t="s">
        <v>94</v>
      </c>
      <c r="D79" s="9" t="s">
        <v>95</v>
      </c>
      <c r="E79" s="21" t="s">
        <v>35</v>
      </c>
      <c r="F79" s="4"/>
      <c r="G79" s="1">
        <v>1</v>
      </c>
      <c r="H79" s="10">
        <f t="shared" si="1"/>
        <v>0</v>
      </c>
    </row>
    <row r="80" spans="1:8" ht="18.95" customHeight="1" x14ac:dyDescent="0.15">
      <c r="A80" s="17">
        <v>77</v>
      </c>
      <c r="B80" s="17">
        <v>137</v>
      </c>
      <c r="C80" s="6" t="s">
        <v>94</v>
      </c>
      <c r="D80" s="9" t="s">
        <v>96</v>
      </c>
      <c r="E80" s="21" t="s">
        <v>35</v>
      </c>
      <c r="F80" s="2"/>
      <c r="G80" s="1">
        <v>1</v>
      </c>
      <c r="H80" s="10">
        <f t="shared" si="1"/>
        <v>0</v>
      </c>
    </row>
    <row r="81" spans="1:8" ht="18.95" customHeight="1" x14ac:dyDescent="0.15">
      <c r="A81" s="17">
        <v>78</v>
      </c>
      <c r="B81" s="17">
        <v>138</v>
      </c>
      <c r="C81" s="6" t="s">
        <v>94</v>
      </c>
      <c r="D81" s="9" t="s">
        <v>97</v>
      </c>
      <c r="E81" s="21" t="s">
        <v>35</v>
      </c>
      <c r="F81" s="2"/>
      <c r="G81" s="1">
        <v>1</v>
      </c>
      <c r="H81" s="10">
        <f t="shared" si="1"/>
        <v>0</v>
      </c>
    </row>
    <row r="82" spans="1:8" ht="18.95" customHeight="1" x14ac:dyDescent="0.15">
      <c r="A82" s="17">
        <v>79</v>
      </c>
      <c r="B82" s="17">
        <v>139</v>
      </c>
      <c r="C82" s="6" t="s">
        <v>94</v>
      </c>
      <c r="D82" s="9" t="s">
        <v>98</v>
      </c>
      <c r="E82" s="21" t="s">
        <v>35</v>
      </c>
      <c r="F82" s="2"/>
      <c r="G82" s="1">
        <v>1</v>
      </c>
      <c r="H82" s="10">
        <f t="shared" si="1"/>
        <v>0</v>
      </c>
    </row>
    <row r="83" spans="1:8" ht="18.95" customHeight="1" x14ac:dyDescent="0.15">
      <c r="A83" s="17">
        <v>80</v>
      </c>
      <c r="B83" s="17">
        <v>140</v>
      </c>
      <c r="C83" s="6" t="s">
        <v>94</v>
      </c>
      <c r="D83" s="9" t="s">
        <v>28</v>
      </c>
      <c r="E83" s="21" t="s">
        <v>35</v>
      </c>
      <c r="F83" s="2"/>
      <c r="G83" s="1">
        <v>1</v>
      </c>
      <c r="H83" s="10">
        <f t="shared" si="1"/>
        <v>0</v>
      </c>
    </row>
    <row r="84" spans="1:8" ht="18.95" customHeight="1" x14ac:dyDescent="0.15">
      <c r="A84" s="17">
        <v>81</v>
      </c>
      <c r="B84" s="17">
        <v>143</v>
      </c>
      <c r="C84" s="6" t="s">
        <v>99</v>
      </c>
      <c r="D84" s="9" t="s">
        <v>100</v>
      </c>
      <c r="E84" s="21" t="s">
        <v>36</v>
      </c>
      <c r="F84" s="2"/>
      <c r="G84" s="1">
        <v>3</v>
      </c>
      <c r="H84" s="10">
        <f t="shared" si="1"/>
        <v>0</v>
      </c>
    </row>
    <row r="85" spans="1:8" ht="18.95" customHeight="1" x14ac:dyDescent="0.15">
      <c r="A85" s="17">
        <v>82</v>
      </c>
      <c r="B85" s="17">
        <v>149</v>
      </c>
      <c r="C85" s="6" t="s">
        <v>101</v>
      </c>
      <c r="D85" s="9" t="s">
        <v>102</v>
      </c>
      <c r="E85" s="21" t="s">
        <v>37</v>
      </c>
      <c r="F85" s="2"/>
      <c r="G85" s="1">
        <v>1</v>
      </c>
      <c r="H85" s="10">
        <f t="shared" si="1"/>
        <v>0</v>
      </c>
    </row>
    <row r="86" spans="1:8" ht="18.95" customHeight="1" x14ac:dyDescent="0.15">
      <c r="A86" s="17">
        <v>83</v>
      </c>
      <c r="B86" s="17">
        <v>154</v>
      </c>
      <c r="C86" s="6" t="s">
        <v>103</v>
      </c>
      <c r="D86" s="9" t="s">
        <v>139</v>
      </c>
      <c r="E86" s="21" t="s">
        <v>37</v>
      </c>
      <c r="F86" s="2"/>
      <c r="G86" s="1">
        <v>1</v>
      </c>
      <c r="H86" s="10">
        <f t="shared" si="1"/>
        <v>0</v>
      </c>
    </row>
    <row r="87" spans="1:8" ht="18.95" customHeight="1" x14ac:dyDescent="0.15">
      <c r="A87" s="17">
        <v>84</v>
      </c>
      <c r="B87" s="17">
        <v>157</v>
      </c>
      <c r="C87" s="6" t="s">
        <v>104</v>
      </c>
      <c r="D87" s="9" t="s">
        <v>105</v>
      </c>
      <c r="E87" s="21" t="s">
        <v>38</v>
      </c>
      <c r="F87" s="2"/>
      <c r="G87" s="1">
        <v>1</v>
      </c>
      <c r="H87" s="10">
        <f t="shared" si="1"/>
        <v>0</v>
      </c>
    </row>
    <row r="88" spans="1:8" ht="18.95" customHeight="1" x14ac:dyDescent="0.15">
      <c r="A88" s="17">
        <v>85</v>
      </c>
      <c r="B88" s="17">
        <v>160</v>
      </c>
      <c r="C88" s="6" t="s">
        <v>104</v>
      </c>
      <c r="D88" s="9" t="s">
        <v>106</v>
      </c>
      <c r="E88" s="21" t="s">
        <v>39</v>
      </c>
      <c r="F88" s="2"/>
      <c r="G88" s="1">
        <v>1</v>
      </c>
      <c r="H88" s="10">
        <f t="shared" si="1"/>
        <v>0</v>
      </c>
    </row>
    <row r="89" spans="1:8" ht="18.95" customHeight="1" x14ac:dyDescent="0.15">
      <c r="A89" s="17">
        <v>86</v>
      </c>
      <c r="B89" s="17">
        <v>163</v>
      </c>
      <c r="C89" s="6" t="s">
        <v>107</v>
      </c>
      <c r="D89" s="9" t="s">
        <v>108</v>
      </c>
      <c r="E89" s="21" t="s">
        <v>36</v>
      </c>
      <c r="F89" s="2"/>
      <c r="G89" s="1">
        <v>1</v>
      </c>
      <c r="H89" s="10">
        <f t="shared" si="1"/>
        <v>0</v>
      </c>
    </row>
    <row r="90" spans="1:8" ht="18.95" customHeight="1" x14ac:dyDescent="0.15">
      <c r="A90" s="17">
        <v>87</v>
      </c>
      <c r="B90" s="17">
        <v>164</v>
      </c>
      <c r="C90" s="6" t="s">
        <v>107</v>
      </c>
      <c r="D90" s="9" t="s">
        <v>109</v>
      </c>
      <c r="E90" s="21" t="s">
        <v>36</v>
      </c>
      <c r="F90" s="2"/>
      <c r="G90" s="1">
        <v>1</v>
      </c>
      <c r="H90" s="10">
        <f t="shared" si="1"/>
        <v>0</v>
      </c>
    </row>
    <row r="91" spans="1:8" ht="18.95" customHeight="1" x14ac:dyDescent="0.15">
      <c r="A91" s="17">
        <v>88</v>
      </c>
      <c r="B91" s="17">
        <v>165</v>
      </c>
      <c r="C91" s="6" t="s">
        <v>107</v>
      </c>
      <c r="D91" s="9" t="s">
        <v>140</v>
      </c>
      <c r="E91" s="21" t="s">
        <v>36</v>
      </c>
      <c r="F91" s="2"/>
      <c r="G91" s="1">
        <v>1</v>
      </c>
      <c r="H91" s="10">
        <f t="shared" si="1"/>
        <v>0</v>
      </c>
    </row>
    <row r="92" spans="1:8" ht="18.95" customHeight="1" thickBot="1" x14ac:dyDescent="0.2">
      <c r="A92" s="24">
        <v>89</v>
      </c>
      <c r="B92" s="24">
        <v>166</v>
      </c>
      <c r="C92" s="25" t="s">
        <v>107</v>
      </c>
      <c r="D92" s="26" t="s">
        <v>141</v>
      </c>
      <c r="E92" s="27" t="s">
        <v>36</v>
      </c>
      <c r="F92" s="3"/>
      <c r="G92" s="28">
        <v>1</v>
      </c>
      <c r="H92" s="10">
        <f t="shared" si="1"/>
        <v>0</v>
      </c>
    </row>
    <row r="93" spans="1:8" ht="18.95" customHeight="1" thickBot="1" x14ac:dyDescent="0.2">
      <c r="A93" s="22"/>
      <c r="B93" s="23"/>
      <c r="C93" s="31" t="s">
        <v>10</v>
      </c>
      <c r="D93" s="31"/>
      <c r="E93" s="31"/>
      <c r="F93" s="31"/>
      <c r="G93" s="31"/>
      <c r="H93" s="11">
        <f>SUM(H4:H92)</f>
        <v>0</v>
      </c>
    </row>
    <row r="94" spans="1:8" ht="18.95" customHeight="1" x14ac:dyDescent="0.15"/>
  </sheetData>
  <mergeCells count="8">
    <mergeCell ref="H2:H3"/>
    <mergeCell ref="C93:G93"/>
    <mergeCell ref="A2:A3"/>
    <mergeCell ref="B2:B3"/>
    <mergeCell ref="C2:D2"/>
    <mergeCell ref="E2:E3"/>
    <mergeCell ref="F2:F3"/>
    <mergeCell ref="G2:G3"/>
  </mergeCells>
  <phoneticPr fontId="1"/>
  <pageMargins left="1.299212598425197" right="0.11811023622047245" top="1.1811023622047245" bottom="0.15748031496062992" header="0.70866141732283472" footer="0.31496062992125984"/>
  <pageSetup paperSize="9" scale="79" fitToHeight="4" orientation="portrait" r:id="rId1"/>
  <headerFooter>
    <oddHeader>&amp;C&amp;F&amp;RNo.&amp;P</oddHeader>
  </headerFooter>
  <rowBreaks count="2" manualBreakCount="2">
    <brk id="37" max="7" man="1"/>
    <brk id="78" max="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1.向山　潔</cp:lastModifiedBy>
  <cp:lastPrinted>2021-01-21T06:25:14Z</cp:lastPrinted>
  <dcterms:created xsi:type="dcterms:W3CDTF">2015-12-03T01:43:05Z</dcterms:created>
  <dcterms:modified xsi:type="dcterms:W3CDTF">2022-01-28T02:35:41Z</dcterms:modified>
</cp:coreProperties>
</file>